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"/>
    </mc:Choice>
  </mc:AlternateContent>
  <bookViews>
    <workbookView xWindow="600" yWindow="90" windowWidth="19395" windowHeight="7605"/>
  </bookViews>
  <sheets>
    <sheet name="Sheet1" sheetId="1" r:id="rId1"/>
  </sheets>
  <calcPr calcId="145621"/>
</workbook>
</file>

<file path=xl/sharedStrings.xml><?xml version="1.0" encoding="utf-8"?>
<sst xmlns="http://schemas.openxmlformats.org/spreadsheetml/2006/main" count="15" uniqueCount="15">
  <si>
    <t>年</t>
    <rPh sb="0" eb="1">
      <t>ネン</t>
    </rPh>
    <phoneticPr fontId="2"/>
  </si>
  <si>
    <t>東京路線利用者数（人）</t>
    <rPh sb="0" eb="2">
      <t>トウキョウ</t>
    </rPh>
    <rPh sb="2" eb="4">
      <t>ロセン</t>
    </rPh>
    <rPh sb="4" eb="7">
      <t>リヨウシャ</t>
    </rPh>
    <rPh sb="7" eb="8">
      <t>スウ</t>
    </rPh>
    <rPh sb="9" eb="10">
      <t>ニン</t>
    </rPh>
    <phoneticPr fontId="2"/>
  </si>
  <si>
    <t>大阪路線利用者数（人）</t>
    <rPh sb="0" eb="2">
      <t>オオサカ</t>
    </rPh>
    <rPh sb="2" eb="4">
      <t>ロセン</t>
    </rPh>
    <rPh sb="4" eb="7">
      <t>リヨウシャ</t>
    </rPh>
    <rPh sb="7" eb="8">
      <t>スウ</t>
    </rPh>
    <rPh sb="9" eb="10">
      <t>ニン</t>
    </rPh>
    <phoneticPr fontId="2"/>
  </si>
  <si>
    <t>福岡路線利用者数（人）</t>
    <rPh sb="0" eb="2">
      <t>フクオカ</t>
    </rPh>
    <rPh sb="2" eb="4">
      <t>ロセン</t>
    </rPh>
    <rPh sb="4" eb="7">
      <t>リヨウシャ</t>
    </rPh>
    <rPh sb="7" eb="8">
      <t>スウ</t>
    </rPh>
    <rPh sb="9" eb="10">
      <t>ニン</t>
    </rPh>
    <phoneticPr fontId="2"/>
  </si>
  <si>
    <t>隠岐路線利用者数（人）</t>
    <rPh sb="0" eb="2">
      <t>オキ</t>
    </rPh>
    <rPh sb="2" eb="4">
      <t>ロセン</t>
    </rPh>
    <rPh sb="4" eb="7">
      <t>リヨウシャ</t>
    </rPh>
    <rPh sb="7" eb="8">
      <t>スウ</t>
    </rPh>
    <rPh sb="9" eb="10">
      <t>ニン</t>
    </rPh>
    <phoneticPr fontId="2"/>
  </si>
  <si>
    <t>札幌路線利用者数（人）</t>
    <rPh sb="0" eb="2">
      <t>サッポロ</t>
    </rPh>
    <rPh sb="2" eb="4">
      <t>ロセン</t>
    </rPh>
    <rPh sb="4" eb="7">
      <t>リヨウシャ</t>
    </rPh>
    <rPh sb="7" eb="8">
      <t>スウ</t>
    </rPh>
    <rPh sb="9" eb="10">
      <t>ニン</t>
    </rPh>
    <phoneticPr fontId="2"/>
  </si>
  <si>
    <t>名古屋路線利用者数（人）</t>
    <rPh sb="0" eb="3">
      <t>ナゴヤ</t>
    </rPh>
    <rPh sb="3" eb="5">
      <t>ロセン</t>
    </rPh>
    <rPh sb="5" eb="8">
      <t>リヨウシャ</t>
    </rPh>
    <rPh sb="8" eb="9">
      <t>スウ</t>
    </rPh>
    <rPh sb="10" eb="11">
      <t>ニン</t>
    </rPh>
    <phoneticPr fontId="2"/>
  </si>
  <si>
    <t>合計利用者数（人）</t>
    <rPh sb="0" eb="2">
      <t>ゴウケイ</t>
    </rPh>
    <rPh sb="2" eb="5">
      <t>リヨウシャ</t>
    </rPh>
    <rPh sb="5" eb="6">
      <t>スウ</t>
    </rPh>
    <rPh sb="7" eb="8">
      <t>ニン</t>
    </rPh>
    <phoneticPr fontId="2"/>
  </si>
  <si>
    <t>東京路線利用率（％）</t>
    <rPh sb="0" eb="2">
      <t>トウキョウ</t>
    </rPh>
    <rPh sb="2" eb="4">
      <t>ロセン</t>
    </rPh>
    <rPh sb="4" eb="7">
      <t>リヨウリツ</t>
    </rPh>
    <phoneticPr fontId="2"/>
  </si>
  <si>
    <t>大阪路線利用率（％）</t>
    <rPh sb="0" eb="2">
      <t>オオサカ</t>
    </rPh>
    <rPh sb="2" eb="4">
      <t>ロセン</t>
    </rPh>
    <rPh sb="4" eb="7">
      <t>リヨウリツ</t>
    </rPh>
    <phoneticPr fontId="2"/>
  </si>
  <si>
    <t>福岡路線利用率（％）</t>
    <rPh sb="0" eb="2">
      <t>フクオカ</t>
    </rPh>
    <rPh sb="2" eb="4">
      <t>ロセン</t>
    </rPh>
    <rPh sb="4" eb="7">
      <t>リヨウリツ</t>
    </rPh>
    <phoneticPr fontId="2"/>
  </si>
  <si>
    <t>隠岐路線利用率（％）</t>
    <rPh sb="0" eb="2">
      <t>オキ</t>
    </rPh>
    <rPh sb="2" eb="4">
      <t>ロセン</t>
    </rPh>
    <rPh sb="4" eb="7">
      <t>リヨウリツ</t>
    </rPh>
    <phoneticPr fontId="2"/>
  </si>
  <si>
    <t>札幌路線利用率（％）</t>
    <rPh sb="0" eb="2">
      <t>サッポロ</t>
    </rPh>
    <rPh sb="2" eb="4">
      <t>ロセン</t>
    </rPh>
    <rPh sb="4" eb="7">
      <t>リヨウリツ</t>
    </rPh>
    <phoneticPr fontId="2"/>
  </si>
  <si>
    <t>名古屋路線利用率（％）</t>
    <rPh sb="0" eb="3">
      <t>ナゴヤ</t>
    </rPh>
    <rPh sb="3" eb="5">
      <t>ロセン</t>
    </rPh>
    <rPh sb="5" eb="8">
      <t>リヨウリツ</t>
    </rPh>
    <phoneticPr fontId="2"/>
  </si>
  <si>
    <t>合計利用率（％）</t>
    <rPh sb="0" eb="2">
      <t>ゴウケイ</t>
    </rPh>
    <rPh sb="2" eb="5">
      <t>リヨウリ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3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1">
    <xf numFmtId="0" fontId="0" fillId="0" borderId="0" xfId="0">
      <alignment vertical="center"/>
    </xf>
    <xf numFmtId="0" fontId="0" fillId="0" borderId="0" xfId="0" applyNumberFormat="1">
      <alignment vertical="center"/>
    </xf>
    <xf numFmtId="0" fontId="1" fillId="0" borderId="1" xfId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1" fillId="0" borderId="1" xfId="2" applyNumberFormat="1" applyFont="1" applyFill="1" applyBorder="1">
      <alignment vertical="center"/>
    </xf>
    <xf numFmtId="0" fontId="1" fillId="0" borderId="1" xfId="1" applyNumberFormat="1" applyFont="1" applyFill="1" applyBorder="1">
      <alignment vertical="center"/>
    </xf>
    <xf numFmtId="176" fontId="0" fillId="0" borderId="1" xfId="0" applyNumberFormat="1" applyBorder="1">
      <alignment vertical="center"/>
    </xf>
    <xf numFmtId="1" fontId="0" fillId="0" borderId="1" xfId="0" applyNumberFormat="1" applyBorder="1">
      <alignment vertical="center"/>
    </xf>
    <xf numFmtId="0" fontId="0" fillId="0" borderId="1" xfId="0" applyFill="1" applyBorder="1">
      <alignment vertical="center"/>
    </xf>
    <xf numFmtId="1" fontId="0" fillId="0" borderId="1" xfId="0" applyNumberFormat="1" applyFill="1" applyBorder="1">
      <alignment vertical="center"/>
    </xf>
    <xf numFmtId="176" fontId="0" fillId="0" borderId="1" xfId="0" applyNumberFormat="1" applyFill="1" applyBorder="1">
      <alignment vertical="center"/>
    </xf>
  </cellXfs>
  <cellStyles count="3"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2"/>
  <sheetViews>
    <sheetView tabSelected="1" zoomScale="90" zoomScaleNormal="90" workbookViewId="0">
      <selection activeCell="B30" sqref="B30"/>
    </sheetView>
  </sheetViews>
  <sheetFormatPr defaultRowHeight="13.5" x14ac:dyDescent="0.15"/>
  <cols>
    <col min="1" max="1" width="9.875" bestFit="1" customWidth="1"/>
    <col min="2" max="2" width="20.625" customWidth="1"/>
    <col min="3" max="3" width="17.625" customWidth="1"/>
    <col min="4" max="4" width="20.625" customWidth="1"/>
    <col min="5" max="5" width="17.625" customWidth="1"/>
    <col min="6" max="6" width="20.625" customWidth="1"/>
    <col min="7" max="7" width="17.625" customWidth="1"/>
    <col min="8" max="8" width="20.625" customWidth="1"/>
    <col min="9" max="9" width="17.625" customWidth="1"/>
    <col min="10" max="10" width="20.625" customWidth="1"/>
    <col min="11" max="11" width="17.625" customWidth="1"/>
    <col min="12" max="12" width="22.75" customWidth="1"/>
    <col min="13" max="13" width="19.75" customWidth="1"/>
  </cols>
  <sheetData>
    <row r="1" spans="1:15" x14ac:dyDescent="0.15">
      <c r="A1" s="2" t="s">
        <v>0</v>
      </c>
      <c r="B1" s="2" t="s">
        <v>1</v>
      </c>
      <c r="C1" s="2" t="s">
        <v>8</v>
      </c>
      <c r="D1" s="2" t="s">
        <v>2</v>
      </c>
      <c r="E1" s="2" t="s">
        <v>9</v>
      </c>
      <c r="F1" s="2" t="s">
        <v>3</v>
      </c>
      <c r="G1" s="2" t="s">
        <v>10</v>
      </c>
      <c r="H1" s="2" t="s">
        <v>4</v>
      </c>
      <c r="I1" s="2" t="s">
        <v>11</v>
      </c>
      <c r="J1" s="2" t="s">
        <v>5</v>
      </c>
      <c r="K1" s="3" t="s">
        <v>12</v>
      </c>
      <c r="L1" s="2" t="s">
        <v>6</v>
      </c>
      <c r="M1" s="3" t="s">
        <v>13</v>
      </c>
      <c r="N1" s="2" t="s">
        <v>7</v>
      </c>
      <c r="O1" s="8" t="s">
        <v>14</v>
      </c>
    </row>
    <row r="2" spans="1:15" x14ac:dyDescent="0.15">
      <c r="A2" s="4">
        <v>2004</v>
      </c>
      <c r="B2" s="7">
        <v>522917</v>
      </c>
      <c r="C2" s="6">
        <v>65.900000000000006</v>
      </c>
      <c r="D2" s="7">
        <v>143889</v>
      </c>
      <c r="E2" s="6">
        <v>63.9</v>
      </c>
      <c r="F2" s="7">
        <v>34942</v>
      </c>
      <c r="G2" s="6">
        <v>62.6</v>
      </c>
      <c r="H2" s="7">
        <v>12436</v>
      </c>
      <c r="I2" s="6">
        <v>50.9</v>
      </c>
      <c r="J2" s="7">
        <v>5049</v>
      </c>
      <c r="K2" s="6">
        <v>58.4</v>
      </c>
      <c r="L2" s="7">
        <v>21004</v>
      </c>
      <c r="M2" s="6">
        <v>50.4</v>
      </c>
      <c r="N2" s="9">
        <v>740237</v>
      </c>
      <c r="O2" s="10">
        <v>64.400000000000006</v>
      </c>
    </row>
    <row r="3" spans="1:15" x14ac:dyDescent="0.15">
      <c r="A3" s="5">
        <v>2005</v>
      </c>
      <c r="B3" s="7">
        <v>518064</v>
      </c>
      <c r="C3" s="6">
        <v>65.5</v>
      </c>
      <c r="D3" s="7">
        <v>139149</v>
      </c>
      <c r="E3" s="6">
        <v>63.3</v>
      </c>
      <c r="F3" s="7">
        <v>35719</v>
      </c>
      <c r="G3" s="6">
        <v>67.5</v>
      </c>
      <c r="H3" s="7">
        <v>14648</v>
      </c>
      <c r="I3" s="6">
        <v>59</v>
      </c>
      <c r="J3" s="7">
        <v>5603</v>
      </c>
      <c r="K3" s="6">
        <v>64.900000000000006</v>
      </c>
      <c r="L3" s="7"/>
      <c r="M3" s="6"/>
      <c r="N3" s="9">
        <v>713183</v>
      </c>
      <c r="O3" s="10">
        <v>65</v>
      </c>
    </row>
    <row r="4" spans="1:15" x14ac:dyDescent="0.15">
      <c r="A4" s="4">
        <v>2006</v>
      </c>
      <c r="B4" s="7">
        <v>545007</v>
      </c>
      <c r="C4" s="6">
        <v>65.599999999999994</v>
      </c>
      <c r="D4" s="7">
        <v>140776</v>
      </c>
      <c r="E4" s="6">
        <v>61.9</v>
      </c>
      <c r="F4" s="7">
        <v>37365</v>
      </c>
      <c r="G4" s="6">
        <v>72.2</v>
      </c>
      <c r="H4" s="7">
        <v>13760</v>
      </c>
      <c r="I4" s="6">
        <v>55.4</v>
      </c>
      <c r="J4" s="7">
        <v>4782</v>
      </c>
      <c r="K4" s="6">
        <v>67</v>
      </c>
      <c r="L4" s="7"/>
      <c r="M4" s="6"/>
      <c r="N4" s="9">
        <v>741690</v>
      </c>
      <c r="O4" s="10">
        <v>64.900000000000006</v>
      </c>
    </row>
    <row r="5" spans="1:15" x14ac:dyDescent="0.15">
      <c r="A5" s="5">
        <v>2007</v>
      </c>
      <c r="B5" s="7">
        <v>550703</v>
      </c>
      <c r="C5" s="6">
        <v>64</v>
      </c>
      <c r="D5" s="7">
        <v>135848</v>
      </c>
      <c r="E5" s="6">
        <v>62.6</v>
      </c>
      <c r="F5" s="7">
        <v>37548</v>
      </c>
      <c r="G5" s="6">
        <v>72.5</v>
      </c>
      <c r="H5" s="7">
        <v>13868</v>
      </c>
      <c r="I5" s="6">
        <v>55.3</v>
      </c>
      <c r="J5" s="7">
        <v>4819</v>
      </c>
      <c r="K5" s="6">
        <v>60.6</v>
      </c>
      <c r="L5" s="7"/>
      <c r="M5" s="6"/>
      <c r="N5" s="9">
        <v>742786</v>
      </c>
      <c r="O5" s="10">
        <v>63.9</v>
      </c>
    </row>
    <row r="6" spans="1:15" x14ac:dyDescent="0.15">
      <c r="A6" s="4">
        <v>2008</v>
      </c>
      <c r="B6" s="7">
        <v>565594</v>
      </c>
      <c r="C6" s="6">
        <v>62.1</v>
      </c>
      <c r="D6" s="7">
        <v>132070</v>
      </c>
      <c r="E6" s="6">
        <v>56.4</v>
      </c>
      <c r="F6" s="7">
        <v>36944</v>
      </c>
      <c r="G6" s="6">
        <v>70.8</v>
      </c>
      <c r="H6" s="7">
        <v>14195</v>
      </c>
      <c r="I6" s="6">
        <v>56.1</v>
      </c>
      <c r="J6" s="7">
        <v>4899</v>
      </c>
      <c r="K6" s="6">
        <v>56.7</v>
      </c>
      <c r="L6" s="7"/>
      <c r="M6" s="6"/>
      <c r="N6" s="9">
        <v>753702</v>
      </c>
      <c r="O6" s="10">
        <v>61.2</v>
      </c>
    </row>
    <row r="7" spans="1:15" x14ac:dyDescent="0.15">
      <c r="A7" s="5">
        <v>2009</v>
      </c>
      <c r="B7" s="7">
        <v>523782</v>
      </c>
      <c r="C7" s="6">
        <v>59.7</v>
      </c>
      <c r="D7" s="7">
        <v>113188</v>
      </c>
      <c r="E7" s="6">
        <v>51</v>
      </c>
      <c r="F7" s="7">
        <v>33385</v>
      </c>
      <c r="G7" s="6">
        <v>63.7</v>
      </c>
      <c r="H7" s="7">
        <v>14514</v>
      </c>
      <c r="I7" s="6">
        <v>56.4</v>
      </c>
      <c r="J7" s="7">
        <v>5231</v>
      </c>
      <c r="K7" s="6">
        <v>61.7</v>
      </c>
      <c r="L7" s="7"/>
      <c r="M7" s="6"/>
      <c r="N7" s="9">
        <v>690100</v>
      </c>
      <c r="O7" s="10">
        <v>58.2</v>
      </c>
    </row>
    <row r="8" spans="1:15" x14ac:dyDescent="0.15">
      <c r="A8" s="4">
        <v>2010</v>
      </c>
      <c r="B8" s="7">
        <v>519368</v>
      </c>
      <c r="C8" s="6">
        <v>66</v>
      </c>
      <c r="D8" s="7">
        <v>110686</v>
      </c>
      <c r="E8" s="6">
        <v>65.2</v>
      </c>
      <c r="F8" s="7">
        <v>34348</v>
      </c>
      <c r="G8" s="6">
        <v>61.2</v>
      </c>
      <c r="H8" s="7">
        <v>14247</v>
      </c>
      <c r="I8" s="6">
        <v>56.3</v>
      </c>
      <c r="J8" s="7">
        <v>5149</v>
      </c>
      <c r="K8" s="6">
        <v>64.8</v>
      </c>
      <c r="L8" s="7"/>
      <c r="M8" s="6"/>
      <c r="N8" s="9">
        <v>683798</v>
      </c>
      <c r="O8" s="10">
        <v>65.400000000000006</v>
      </c>
    </row>
    <row r="9" spans="1:15" x14ac:dyDescent="0.15">
      <c r="A9" s="5">
        <v>2011</v>
      </c>
      <c r="B9" s="7">
        <v>478452</v>
      </c>
      <c r="C9" s="6">
        <v>71.3</v>
      </c>
      <c r="D9" s="7">
        <v>108046</v>
      </c>
      <c r="E9" s="6">
        <v>59.4</v>
      </c>
      <c r="F9" s="7">
        <v>34456</v>
      </c>
      <c r="G9" s="6">
        <v>65.8</v>
      </c>
      <c r="H9" s="7">
        <v>15728</v>
      </c>
      <c r="I9" s="6">
        <v>62.1</v>
      </c>
      <c r="J9" s="7"/>
      <c r="K9" s="6"/>
      <c r="L9" s="7"/>
      <c r="M9" s="6"/>
      <c r="N9" s="9">
        <v>636682</v>
      </c>
      <c r="O9" s="10">
        <v>68.400000000000006</v>
      </c>
    </row>
    <row r="10" spans="1:15" x14ac:dyDescent="0.15">
      <c r="A10" s="4">
        <v>2012</v>
      </c>
      <c r="B10" s="7">
        <v>529985</v>
      </c>
      <c r="C10" s="6">
        <v>68.599999999999994</v>
      </c>
      <c r="D10" s="7">
        <v>116009</v>
      </c>
      <c r="E10" s="6">
        <v>57.3</v>
      </c>
      <c r="F10" s="7">
        <v>35489</v>
      </c>
      <c r="G10" s="6">
        <v>68</v>
      </c>
      <c r="H10" s="7">
        <v>14292</v>
      </c>
      <c r="I10" s="6">
        <v>56.1</v>
      </c>
      <c r="J10" s="7"/>
      <c r="K10" s="6"/>
      <c r="L10" s="7"/>
      <c r="M10" s="6"/>
      <c r="N10" s="9">
        <v>695775</v>
      </c>
      <c r="O10" s="10">
        <v>66.099999999999994</v>
      </c>
    </row>
    <row r="11" spans="1:15" x14ac:dyDescent="0.15">
      <c r="A11" s="5">
        <v>2013</v>
      </c>
      <c r="B11" s="7">
        <v>641667</v>
      </c>
      <c r="C11" s="6">
        <v>77.400000000000006</v>
      </c>
      <c r="D11" s="7">
        <v>139809</v>
      </c>
      <c r="E11" s="6">
        <v>66.5</v>
      </c>
      <c r="F11" s="7">
        <v>37820</v>
      </c>
      <c r="G11" s="6">
        <v>72.5</v>
      </c>
      <c r="H11" s="7">
        <v>15082</v>
      </c>
      <c r="I11" s="6">
        <v>59.6</v>
      </c>
      <c r="J11" s="7"/>
      <c r="K11" s="6"/>
      <c r="L11" s="7"/>
      <c r="M11" s="6"/>
      <c r="N11" s="9">
        <v>834378</v>
      </c>
      <c r="O11" s="10">
        <v>74.7</v>
      </c>
    </row>
    <row r="12" spans="1:15" x14ac:dyDescent="0.15">
      <c r="A12" s="4">
        <v>2014</v>
      </c>
      <c r="B12" s="7">
        <v>599302</v>
      </c>
      <c r="C12" s="6">
        <v>70.8</v>
      </c>
      <c r="D12" s="7">
        <v>125824</v>
      </c>
      <c r="E12" s="6">
        <v>57.2</v>
      </c>
      <c r="F12" s="7">
        <v>39846</v>
      </c>
      <c r="G12" s="6">
        <v>59.7</v>
      </c>
      <c r="H12" s="7">
        <v>15593</v>
      </c>
      <c r="I12" s="6">
        <v>60.4</v>
      </c>
      <c r="J12" s="7">
        <v>3666</v>
      </c>
      <c r="K12" s="6">
        <v>65.3</v>
      </c>
      <c r="L12" s="7">
        <v>448</v>
      </c>
      <c r="M12" s="6">
        <v>88.9</v>
      </c>
      <c r="N12" s="9">
        <v>784679</v>
      </c>
      <c r="O12" s="10">
        <v>67.400000000000006</v>
      </c>
    </row>
    <row r="13" spans="1:15" x14ac:dyDescent="0.15">
      <c r="A13" s="5">
        <v>2015</v>
      </c>
      <c r="B13" s="7">
        <v>593718</v>
      </c>
      <c r="C13" s="6">
        <v>78.3</v>
      </c>
      <c r="D13" s="7">
        <v>137579</v>
      </c>
      <c r="E13" s="6">
        <v>57.7</v>
      </c>
      <c r="F13" s="7">
        <v>34388</v>
      </c>
      <c r="G13" s="6">
        <v>65.900000000000006</v>
      </c>
      <c r="H13" s="7">
        <v>16390</v>
      </c>
      <c r="I13" s="6">
        <v>64.099999999999994</v>
      </c>
      <c r="J13" s="7">
        <v>5112</v>
      </c>
      <c r="K13" s="6">
        <v>86.1</v>
      </c>
      <c r="L13" s="7">
        <v>41924</v>
      </c>
      <c r="M13" s="6">
        <v>70.400000000000006</v>
      </c>
      <c r="N13" s="9">
        <v>829111</v>
      </c>
      <c r="O13" s="10">
        <v>72.7</v>
      </c>
    </row>
    <row r="14" spans="1:15" x14ac:dyDescent="0.15">
      <c r="A14" s="1"/>
    </row>
    <row r="15" spans="1:15" x14ac:dyDescent="0.15">
      <c r="A15" s="1"/>
    </row>
    <row r="16" spans="1:15" x14ac:dyDescent="0.15">
      <c r="A16" s="1"/>
    </row>
    <row r="17" spans="1:1" x14ac:dyDescent="0.15">
      <c r="A17" s="1"/>
    </row>
    <row r="18" spans="1:1" x14ac:dyDescent="0.15">
      <c r="A18" s="1"/>
    </row>
    <row r="19" spans="1:1" x14ac:dyDescent="0.15">
      <c r="A19" s="1"/>
    </row>
    <row r="20" spans="1:1" x14ac:dyDescent="0.15">
      <c r="A20" s="1"/>
    </row>
    <row r="21" spans="1:1" x14ac:dyDescent="0.15">
      <c r="A21" s="1"/>
    </row>
    <row r="22" spans="1:1" x14ac:dyDescent="0.15">
      <c r="A22" s="1"/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政策課</dc:creator>
  <cp:lastModifiedBy>s00150</cp:lastModifiedBy>
  <dcterms:created xsi:type="dcterms:W3CDTF">2017-03-09T00:31:49Z</dcterms:created>
  <dcterms:modified xsi:type="dcterms:W3CDTF">2017-03-17T01:03:25Z</dcterms:modified>
</cp:coreProperties>
</file>